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71" r:id="rId2"/>
    <p:sldId id="256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08" d="100"/>
          <a:sy n="108" d="100"/>
        </p:scale>
        <p:origin x="1038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0DCCEB-EF9A-4C0D-B82D-29C71DF891D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5424366-D88A-4D3C-9B93-EC65972DBF8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22D82CA-8EAB-44FE-BF3A-593389B87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20F7453-6809-40C5-808E-EDBA5189FB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6D519C-DB48-4FB0-8C27-6E36DE1CEA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768941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15FBC4-41EE-4520-8793-9D47A5ED48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90C943D-B68D-4C03-88BB-1D029F0719A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3C02CB-A173-4E95-958C-BD31789978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B2D3055-CE2A-4E82-89CD-4ED1B74CFE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C8372B-FBB1-40E0-9ABE-8396B5CF63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637952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AC9CEE7-BCB3-45A3-BD84-08A2ED7F998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F044973-AF8A-42A8-936A-5ABC64FD8EB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F862FF-49E4-419B-999F-F511A29C31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4265F4-A650-4AA7-B6C2-7CDC3B7D39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2FB247-EC44-461D-9D12-5226B43FA2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785227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24FD66-9400-4DE0-BF3E-CEFA9702C5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CB015A-63DA-4F93-B3B5-E145804286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8AECD10-314A-404B-8CC0-F1F014987D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B5BF80-F4D0-4BF5-85AE-FE80A312FC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E9FC1C-EBE6-4CCC-B242-0E5B121CE2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6806010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1E495F-48B2-451D-858E-2F0006CC13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51E79A-84BF-442C-82D0-50A18DFF127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B98E1A7-DF1A-4B89-85C3-161CAC9C54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E3CD9F8-42AE-40ED-8E10-7A9073F8BE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AB1D53-A524-4BBE-94CA-B8668041BF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7654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277914-2851-4070-AF7C-E257C351B8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41C515-4B72-403F-86B0-52105D4DA16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ECFC17F-49BC-4DFF-A27A-521233DE01B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F42148A-8BBD-4D7D-AE70-6AAC8DD4B9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759BFAA-A5B2-4E8D-A3D7-E7434AE2A9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A09C8A-1FB1-4788-ADA0-9E840A7708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82895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513272-A397-4461-B0B4-02DE25DC74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DB60366-7CDB-4ACB-86AB-B97671ABA6D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730473-AD19-406B-98C6-3B184D7016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4136CD1-6B27-48D5-B620-90CB1F0104D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E40A7F8-BFA4-4F92-91E3-5E5BDEBC023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3F4B7BE-967A-421E-B774-9796287584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A542ED1-6BDD-4F68-98A9-82EE116C5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7999304-D4D1-4F09-AA35-66E86001C4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65861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470079-B776-4E0E-AE64-9B67CE8CC8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8CF83F5-F181-415F-8F4A-F83FFDA4D2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6188EF6-D513-462E-8873-0CAE1A105B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4973B03-B5DA-441D-8FC5-6368A75BAC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21231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8A53598-D6FC-4B13-B44B-21E92FB977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2CB334-35B4-4D7B-A97D-44821C941A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D0CFE6E-4760-4C2D-BAC6-59BD0ECB74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116656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EE30BF-BAB4-4242-9D73-0ED3095ECA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711AF3-589C-45BD-BE19-51735052E7E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959B332-DBB0-4046-925D-84F61B5C4AC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0DC8339-D31F-4A6C-8980-0689CEB94A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44BF04-6752-4C69-B96F-AD7A4B247D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CF37A02-16ED-42F8-B6B1-B5059960CF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977925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CA2396-09EC-4415-8118-6976D41FC9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6FE3C13-D5F3-4AFC-ACEE-C627218FAF6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CC1BFB3-F12B-496C-A3CC-3A00571E04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5078C4-BE12-4E1F-828C-40DE411904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617C1B6-DF80-4C33-A512-07C587A8D2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593C27-F318-4B73-A397-0700711873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539862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5A31C89-72B8-4BE9-ACD8-7B36D36586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083FFB-1A1E-4C83-9295-1BAC655FE2A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40B57F-DE79-41FF-B21B-24675F48DA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D0144D-EB35-487B-B608-D3AE4979453E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C8B7F2-373F-491D-A5DC-0A580496B40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7124E39-7A4F-4F38-B6DD-1C9CC8ACCB2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E91B065-B7C6-4D70-B209-37D1C13704F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99651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5EEAABA-31DA-4B03-A94D-017E50B3803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A4232113-9FB9-413F-AF2F-ED646C5D23F5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cxnSp>
        <p:nvCxnSpPr>
          <p:cNvPr id="31" name="OTLSHAPE_M_f6b315db6ff54bdca7688710ebbb4c16_Connector1">
            <a:extLst>
              <a:ext uri="{FF2B5EF4-FFF2-40B4-BE49-F238E27FC236}">
                <a16:creationId xmlns:a16="http://schemas.microsoft.com/office/drawing/2014/main" id="{9861E298-8E28-42AD-95AA-BC94AD95648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741583" y="4088588"/>
            <a:ext cx="0" cy="369112"/>
          </a:xfrm>
          <a:prstGeom prst="line">
            <a:avLst/>
          </a:prstGeom>
          <a:ln w="9525" cap="flat" cmpd="sng" algn="ctr">
            <a:solidFill>
              <a:srgbClr val="535C1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78b918119c244d1b21b8de13e01ef0e_HorizontalConnector1">
            <a:extLst>
              <a:ext uri="{FF2B5EF4-FFF2-40B4-BE49-F238E27FC236}">
                <a16:creationId xmlns:a16="http://schemas.microsoft.com/office/drawing/2014/main" id="{0340DCF7-35D9-4E05-BCC6-D0FFFC74831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86358" y="1887855"/>
            <a:ext cx="5656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d55cf0b60df413283e0a34453b0519a_HorizontalConnector1">
            <a:extLst>
              <a:ext uri="{FF2B5EF4-FFF2-40B4-BE49-F238E27FC236}">
                <a16:creationId xmlns:a16="http://schemas.microsoft.com/office/drawing/2014/main" id="{26302D44-3AA7-43B8-A577-655278D79059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258020" y="2103755"/>
            <a:ext cx="12456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8ec20e59052741cda5b252447e8b9a7a_HorizontalConnector1">
            <a:extLst>
              <a:ext uri="{FF2B5EF4-FFF2-40B4-BE49-F238E27FC236}">
                <a16:creationId xmlns:a16="http://schemas.microsoft.com/office/drawing/2014/main" id="{587CA867-25EE-4E35-B8CC-98B1CF76CA43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721993" y="2319655"/>
            <a:ext cx="12683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f87746d144fd465eaa6cf37f0a48bbe4_HorizontalConnector1">
            <a:extLst>
              <a:ext uri="{FF2B5EF4-FFF2-40B4-BE49-F238E27FC236}">
                <a16:creationId xmlns:a16="http://schemas.microsoft.com/office/drawing/2014/main" id="{31B86A38-980F-46EA-AFCC-13D0DE5D01D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62296" y="2535555"/>
            <a:ext cx="34447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b87e0b15d7e149e6a3db69eddfff53a6_HorizontalConnector1">
            <a:extLst>
              <a:ext uri="{FF2B5EF4-FFF2-40B4-BE49-F238E27FC236}">
                <a16:creationId xmlns:a16="http://schemas.microsoft.com/office/drawing/2014/main" id="{DC2CCDB0-4A35-417B-84C6-567E7BD6FF1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74564" y="2751455"/>
            <a:ext cx="38191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3650f7fe3e974e7baeb38f3992aacd70_HorizontalConnector1">
            <a:extLst>
              <a:ext uri="{FF2B5EF4-FFF2-40B4-BE49-F238E27FC236}">
                <a16:creationId xmlns:a16="http://schemas.microsoft.com/office/drawing/2014/main" id="{F0380D26-F55F-43B2-B120-37321D770B4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89076" y="2967355"/>
            <a:ext cx="370459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ef263fd252f41588787d1051353f46a_HorizontalConnector1">
            <a:extLst>
              <a:ext uri="{FF2B5EF4-FFF2-40B4-BE49-F238E27FC236}">
                <a16:creationId xmlns:a16="http://schemas.microsoft.com/office/drawing/2014/main" id="{4648CF29-C7B3-45AA-AD1E-4E469923A3E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30342" y="3183255"/>
            <a:ext cx="41716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7d520a6a335a4f32833bb43037aa03ef_HorizontalConnector1">
            <a:extLst>
              <a:ext uri="{FF2B5EF4-FFF2-40B4-BE49-F238E27FC236}">
                <a16:creationId xmlns:a16="http://schemas.microsoft.com/office/drawing/2014/main" id="{76AF9B95-7ADD-48BC-9C07-C401D266946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638385" y="3399155"/>
            <a:ext cx="39069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b155e75456014130be3e20d84326984a_HorizontalConnector1">
            <a:extLst>
              <a:ext uri="{FF2B5EF4-FFF2-40B4-BE49-F238E27FC236}">
                <a16:creationId xmlns:a16="http://schemas.microsoft.com/office/drawing/2014/main" id="{D46820B4-41DA-4BC8-B526-02C465EEAA9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95900" y="3615055"/>
            <a:ext cx="51360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5401bb23af9a476e9f040df9282bc734_HorizontalConnector1">
            <a:extLst>
              <a:ext uri="{FF2B5EF4-FFF2-40B4-BE49-F238E27FC236}">
                <a16:creationId xmlns:a16="http://schemas.microsoft.com/office/drawing/2014/main" id="{237D0966-29C1-4F8D-8F07-782DF039F1A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42035" y="3830955"/>
            <a:ext cx="571995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ef263fd252f41588787d1051353f46a_LeftVerticalConnector1">
            <a:extLst>
              <a:ext uri="{FF2B5EF4-FFF2-40B4-BE49-F238E27FC236}">
                <a16:creationId xmlns:a16="http://schemas.microsoft.com/office/drawing/2014/main" id="{006E3F3D-9AF9-46D4-ACDB-CD3CBE3C9C2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308347" y="3221355"/>
            <a:ext cx="0" cy="12363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aef263fd252f41588787d1051353f46a_RightVerticalConnector1">
            <a:extLst>
              <a:ext uri="{FF2B5EF4-FFF2-40B4-BE49-F238E27FC236}">
                <a16:creationId xmlns:a16="http://schemas.microsoft.com/office/drawing/2014/main" id="{1F002318-7924-41E8-A208-A68CC107AFA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390556" y="3183255"/>
            <a:ext cx="0" cy="1397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aef263fd252f41588787d1051353f46a_RightVerticalConnector2">
            <a:extLst>
              <a:ext uri="{FF2B5EF4-FFF2-40B4-BE49-F238E27FC236}">
                <a16:creationId xmlns:a16="http://schemas.microsoft.com/office/drawing/2014/main" id="{8222462C-DD2A-43DD-932A-21FA93DA9B0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390556" y="3475355"/>
            <a:ext cx="0" cy="635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7d520a6a335a4f32833bb43037aa03ef_LeftVerticalConnector1">
            <a:extLst>
              <a:ext uri="{FF2B5EF4-FFF2-40B4-BE49-F238E27FC236}">
                <a16:creationId xmlns:a16="http://schemas.microsoft.com/office/drawing/2014/main" id="{E2B31F40-1E2F-4028-9120-2135C9FEA5E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551679" y="3437255"/>
            <a:ext cx="0" cy="10204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7d520a6a335a4f32833bb43037aa03ef_RightVerticalConnector1">
            <a:extLst>
              <a:ext uri="{FF2B5EF4-FFF2-40B4-BE49-F238E27FC236}">
                <a16:creationId xmlns:a16="http://schemas.microsoft.com/office/drawing/2014/main" id="{59EDF09C-96BB-4DCD-8A0F-6B0C8214A22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512223" y="3399155"/>
            <a:ext cx="0" cy="1397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7d520a6a335a4f32833bb43037aa03ef_RightVerticalConnector2">
            <a:extLst>
              <a:ext uri="{FF2B5EF4-FFF2-40B4-BE49-F238E27FC236}">
                <a16:creationId xmlns:a16="http://schemas.microsoft.com/office/drawing/2014/main" id="{3E1ED93E-53C2-48C7-AAE9-1CB66E1F7CD1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512223" y="3691255"/>
            <a:ext cx="0" cy="7664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T_aef263fd252f41588787d1051353f46a_RightVerticalConnector3">
            <a:extLst>
              <a:ext uri="{FF2B5EF4-FFF2-40B4-BE49-F238E27FC236}">
                <a16:creationId xmlns:a16="http://schemas.microsoft.com/office/drawing/2014/main" id="{73F546C9-3678-4490-86A2-420F430D22A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390556" y="3691255"/>
            <a:ext cx="0" cy="766445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0F69A96-BA89-44DC-9552-CA73A02B73C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22020" y="4457700"/>
            <a:ext cx="73025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9F110EC-2C76-4622-B0AD-30AD76F1DC3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B3834A0B-6E66-43C9-BFAF-DCF97AB43FB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67591" y="4838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39CF37F-C45A-4D24-997F-EC1CDFD674E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CB6EC9A-84C9-419C-86D6-2F0F05F5488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85520" y="4560570"/>
            <a:ext cx="400751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Arial" panose="020B060402020202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28C3605-FBAA-4E29-9DC8-4B8DC092777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593850" y="4560570"/>
            <a:ext cx="81625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9CD0C79-EECC-4C8E-BA27-DC92709C007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202180" y="4560570"/>
            <a:ext cx="15234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1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C8CB0BC7-FBBF-4C19-84C1-78AC94B8AB2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810510" y="45605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1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C9100CFB-68C0-4E7C-8C3C-AEB7B40D92D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418841" y="45605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2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DEBA75D-2BE1-45DB-801A-55DF7BA2122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027170" y="45605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2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3298F956-B9EB-41E8-BC3C-04825BB53B8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635501" y="45605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31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6FE7FE5-0BF3-441B-9698-CAB8D0CBFAB0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243831" y="45605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36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C90950BE-9E00-4D4C-8D74-8251993B11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852161" y="45605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41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573EC17B-6A63-4F41-AB3E-BE148223513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460491" y="45605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46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34EC3003-C6C6-4DD7-8069-65076793773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068821" y="45605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51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84E04CA0-E894-495D-A92D-8CEF32AACE2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677152" y="45605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Arial" panose="020B0604020202020204" pitchFamily="34" charset="0"/>
              </a:rPr>
              <a:t>5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A46C991-A864-4860-9ED4-89CB2CCBCDD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530349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56810EF-B0CA-46ED-9B91-77F310A20F6F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138679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88B01AED-FFA2-47CD-886E-2918B95DD54A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2747009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96BFD780-6E6F-44BC-8E7F-78C1338C6A43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3355339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60BDDC3C-875B-47AE-A0BC-C64332B1B5D7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3963669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6B7785D5-C85A-4A93-995B-A25B4647DB1B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4571999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0E5838A5-BF36-4CB0-B08D-4010AFFE9FE2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5180330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F19EEF80-CED1-4DB0-8442-A3E615689EE1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5788659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D6FECEC1-F246-43DF-BEAC-BBA5584666FD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6396990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29541A9D-F3F3-436A-8A70-AF778DA5A1C2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005320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0DA43098-13EE-4539-BFB8-FDED2E1BF415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7613650" y="45212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T_c78b918119c244d1b21b8de13e01ef0e_Shape">
            <a:extLst>
              <a:ext uri="{FF2B5EF4-FFF2-40B4-BE49-F238E27FC236}">
                <a16:creationId xmlns:a16="http://schemas.microsoft.com/office/drawing/2014/main" id="{54761EE9-F14D-43B7-83F9-60D20803CBD8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652016" y="1811655"/>
            <a:ext cx="609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T_6d55cf0b60df413283e0a34453b0519a_Shape">
            <a:extLst>
              <a:ext uri="{FF2B5EF4-FFF2-40B4-BE49-F238E27FC236}">
                <a16:creationId xmlns:a16="http://schemas.microsoft.com/office/drawing/2014/main" id="{4B952205-830B-435A-841E-FD7A6E9F531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503678" y="2027555"/>
            <a:ext cx="9779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T_8ec20e59052741cda5b252447e8b9a7a_Shape">
            <a:extLst>
              <a:ext uri="{FF2B5EF4-FFF2-40B4-BE49-F238E27FC236}">
                <a16:creationId xmlns:a16="http://schemas.microsoft.com/office/drawing/2014/main" id="{837795B0-64E1-4736-BAE9-B3BE3D15D3A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990342" y="2243455"/>
            <a:ext cx="9779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5E5E5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T_f87746d144fd465eaa6cf37f0a48bbe4_Shape">
            <a:extLst>
              <a:ext uri="{FF2B5EF4-FFF2-40B4-BE49-F238E27FC236}">
                <a16:creationId xmlns:a16="http://schemas.microsoft.com/office/drawing/2014/main" id="{28D57A07-4426-4688-B058-BD79897CEBA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207003" y="2459355"/>
            <a:ext cx="609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T_b87e0b15d7e149e6a3db69eddfff53a6_Shape">
            <a:extLst>
              <a:ext uri="{FF2B5EF4-FFF2-40B4-BE49-F238E27FC236}">
                <a16:creationId xmlns:a16="http://schemas.microsoft.com/office/drawing/2014/main" id="{573DDE24-C122-4C41-99EC-FAE67E77D0B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693667" y="2675255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T_3650f7fe3e974e7baeb38f3992aacd70_Shape">
            <a:extLst>
              <a:ext uri="{FF2B5EF4-FFF2-40B4-BE49-F238E27FC236}">
                <a16:creationId xmlns:a16="http://schemas.microsoft.com/office/drawing/2014/main" id="{7B93CE20-7F16-49EF-BF02-4416AD368B1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693667" y="2891155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" name="OTLSHAPE_T_aef263fd252f41588787d1051353f46a_Shape">
            <a:extLst>
              <a:ext uri="{FF2B5EF4-FFF2-40B4-BE49-F238E27FC236}">
                <a16:creationId xmlns:a16="http://schemas.microsoft.com/office/drawing/2014/main" id="{EA6D75DF-349A-4F90-AD86-C170B3A21EE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301997" y="3107055"/>
            <a:ext cx="11049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9" name="OTLSHAPE_T_7d520a6a335a4f32833bb43037aa03ef_Shape">
            <a:extLst>
              <a:ext uri="{FF2B5EF4-FFF2-40B4-BE49-F238E27FC236}">
                <a16:creationId xmlns:a16="http://schemas.microsoft.com/office/drawing/2014/main" id="{FE3C5F5D-B0CB-4D52-B1F4-5BD802A911A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545329" y="3322955"/>
            <a:ext cx="9779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T_b155e75456014130be3e20d84326984a_Shape">
            <a:extLst>
              <a:ext uri="{FF2B5EF4-FFF2-40B4-BE49-F238E27FC236}">
                <a16:creationId xmlns:a16="http://schemas.microsoft.com/office/drawing/2014/main" id="{AAD042C2-2AD9-4598-9522-055B8AF03A8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031993" y="3538855"/>
            <a:ext cx="495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" name="OTLSHAPE_T_5401bb23af9a476e9f040df9282bc734_Shape">
            <a:extLst>
              <a:ext uri="{FF2B5EF4-FFF2-40B4-BE49-F238E27FC236}">
                <a16:creationId xmlns:a16="http://schemas.microsoft.com/office/drawing/2014/main" id="{E45A1017-09B0-4289-B41B-25BAD11E229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761989" y="3754755"/>
            <a:ext cx="368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c78b918119c244d1b21b8de13e01ef0e_ShapePercentage" hidden="1">
            <a:extLst>
              <a:ext uri="{FF2B5EF4-FFF2-40B4-BE49-F238E27FC236}">
                <a16:creationId xmlns:a16="http://schemas.microsoft.com/office/drawing/2014/main" id="{208A47F0-45BC-46BB-BE05-BFA6C766B81D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652016" y="18116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T_6d55cf0b60df413283e0a34453b0519a_ShapePercentage" hidden="1">
            <a:extLst>
              <a:ext uri="{FF2B5EF4-FFF2-40B4-BE49-F238E27FC236}">
                <a16:creationId xmlns:a16="http://schemas.microsoft.com/office/drawing/2014/main" id="{5C0BC58E-A88F-439C-B63E-9D2CEE7A13A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503678" y="20275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T_8ec20e59052741cda5b252447e8b9a7a_ShapePercentage" hidden="1">
            <a:extLst>
              <a:ext uri="{FF2B5EF4-FFF2-40B4-BE49-F238E27FC236}">
                <a16:creationId xmlns:a16="http://schemas.microsoft.com/office/drawing/2014/main" id="{C58E0C60-EE0B-4433-9B76-08E660D39B7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2990342" y="22434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_f87746d144fd465eaa6cf37f0a48bbe4_ShapePercentage" hidden="1">
            <a:extLst>
              <a:ext uri="{FF2B5EF4-FFF2-40B4-BE49-F238E27FC236}">
                <a16:creationId xmlns:a16="http://schemas.microsoft.com/office/drawing/2014/main" id="{721CA919-4160-4D3B-859A-D07552903FC1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207003" y="24593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T_b87e0b15d7e149e6a3db69eddfff53a6_ShapePercentage" hidden="1">
            <a:extLst>
              <a:ext uri="{FF2B5EF4-FFF2-40B4-BE49-F238E27FC236}">
                <a16:creationId xmlns:a16="http://schemas.microsoft.com/office/drawing/2014/main" id="{C7AE74B3-F0DD-4B15-806E-457ECCDC7E0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693667" y="26752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3650f7fe3e974e7baeb38f3992aacd70_ShapePercentage" hidden="1">
            <a:extLst>
              <a:ext uri="{FF2B5EF4-FFF2-40B4-BE49-F238E27FC236}">
                <a16:creationId xmlns:a16="http://schemas.microsoft.com/office/drawing/2014/main" id="{B4240654-08F1-4091-95DC-772E256D480A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693667" y="28911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_aef263fd252f41588787d1051353f46a_ShapePercentage" hidden="1">
            <a:extLst>
              <a:ext uri="{FF2B5EF4-FFF2-40B4-BE49-F238E27FC236}">
                <a16:creationId xmlns:a16="http://schemas.microsoft.com/office/drawing/2014/main" id="{D84E8A04-9F54-49D2-8CBE-C64B5B56F9B8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5301997" y="310705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7d520a6a335a4f32833bb43037aa03ef_ShapePercentage" hidden="1">
            <a:extLst>
              <a:ext uri="{FF2B5EF4-FFF2-40B4-BE49-F238E27FC236}">
                <a16:creationId xmlns:a16="http://schemas.microsoft.com/office/drawing/2014/main" id="{66FFE1A5-37BD-4F05-A62B-C8D95737B2CA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545329" y="332295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b155e75456014130be3e20d84326984a_ShapePercentage" hidden="1">
            <a:extLst>
              <a:ext uri="{FF2B5EF4-FFF2-40B4-BE49-F238E27FC236}">
                <a16:creationId xmlns:a16="http://schemas.microsoft.com/office/drawing/2014/main" id="{23E084F5-FF14-4CE7-A6DE-4E55D7EA5CE3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031993" y="35388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5401bb23af9a476e9f040df9282bc734_ShapePercentage" hidden="1">
            <a:extLst>
              <a:ext uri="{FF2B5EF4-FFF2-40B4-BE49-F238E27FC236}">
                <a16:creationId xmlns:a16="http://schemas.microsoft.com/office/drawing/2014/main" id="{AEF0F8EF-5597-40DF-A2F5-AD9BC4182EB8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761989" y="375475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c78b918119c244d1b21b8de13e01ef0e_JoinedDate" hidden="1">
            <a:extLst>
              <a:ext uri="{FF2B5EF4-FFF2-40B4-BE49-F238E27FC236}">
                <a16:creationId xmlns:a16="http://schemas.microsoft.com/office/drawing/2014/main" id="{6785D057-C72C-4752-B4C9-F494ABC9DDD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838383"/>
                </a:solidFill>
                <a:latin typeface="Arial" panose="020B0604020202020204" pitchFamily="34" charset="0"/>
              </a:rPr>
              <a:t>Jan 27 - Jan 31</a:t>
            </a:r>
          </a:p>
        </p:txBody>
      </p:sp>
      <p:sp>
        <p:nvSpPr>
          <p:cNvPr id="66" name="OTLSHAPE_T_c78b918119c244d1b21b8de13e01ef0e_StartDate" hidden="1">
            <a:extLst>
              <a:ext uri="{FF2B5EF4-FFF2-40B4-BE49-F238E27FC236}">
                <a16:creationId xmlns:a16="http://schemas.microsoft.com/office/drawing/2014/main" id="{63CF828E-BFE3-417E-AF6C-B37B2A2ED5A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67" name="OTLSHAPE_T_c78b918119c244d1b21b8de13e01ef0e_EndDate" hidden="1">
            <a:extLst>
              <a:ext uri="{FF2B5EF4-FFF2-40B4-BE49-F238E27FC236}">
                <a16:creationId xmlns:a16="http://schemas.microsoft.com/office/drawing/2014/main" id="{F2ECFF10-07F6-4E86-B211-FF6F55125E4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68" name="OTLSHAPE_T_c78b918119c244d1b21b8de13e01ef0e_Duration">
            <a:extLst>
              <a:ext uri="{FF2B5EF4-FFF2-40B4-BE49-F238E27FC236}">
                <a16:creationId xmlns:a16="http://schemas.microsoft.com/office/drawing/2014/main" id="{CCE3CC3D-0932-4735-8793-74006C211FD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311062" y="18294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69" name="OTLSHAPE_T_c78b918119c244d1b21b8de13e01ef0e_TextPercentage" hidden="1">
            <a:extLst>
              <a:ext uri="{FF2B5EF4-FFF2-40B4-BE49-F238E27FC236}">
                <a16:creationId xmlns:a16="http://schemas.microsoft.com/office/drawing/2014/main" id="{AAF58BDD-9C81-4614-9C07-7E4FA9FF3F8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690116" y="21650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 dirty="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0" name="OTLSHAPE_T_c78b918119c244d1b21b8de13e01ef0e_Title">
            <a:extLst>
              <a:ext uri="{FF2B5EF4-FFF2-40B4-BE49-F238E27FC236}">
                <a16:creationId xmlns:a16="http://schemas.microsoft.com/office/drawing/2014/main" id="{520809C7-F86B-4949-88B0-1F5B92BEF7C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0" y="1822133"/>
            <a:ext cx="965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5E5E5E"/>
                </a:solidFill>
                <a:latin typeface="Arial" panose="020B0604020202020204" pitchFamily="34" charset="0"/>
              </a:rPr>
              <a:t>PC Image Analysis</a:t>
            </a:r>
          </a:p>
        </p:txBody>
      </p:sp>
      <p:sp>
        <p:nvSpPr>
          <p:cNvPr id="73" name="OTLSHAPE_T_6d55cf0b60df413283e0a34453b0519a_JoinedDate" hidden="1">
            <a:extLst>
              <a:ext uri="{FF2B5EF4-FFF2-40B4-BE49-F238E27FC236}">
                <a16:creationId xmlns:a16="http://schemas.microsoft.com/office/drawing/2014/main" id="{F610E032-AA55-4FB9-A269-406ED865B6C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838383"/>
                </a:solidFill>
                <a:latin typeface="Arial" panose="020B0604020202020204" pitchFamily="34" charset="0"/>
              </a:rPr>
              <a:t>Feb 3 - Feb 10</a:t>
            </a:r>
          </a:p>
        </p:txBody>
      </p:sp>
      <p:sp>
        <p:nvSpPr>
          <p:cNvPr id="74" name="OTLSHAPE_T_6d55cf0b60df413283e0a34453b0519a_StartDate" hidden="1">
            <a:extLst>
              <a:ext uri="{FF2B5EF4-FFF2-40B4-BE49-F238E27FC236}">
                <a16:creationId xmlns:a16="http://schemas.microsoft.com/office/drawing/2014/main" id="{E9C3242E-E418-4C32-B0EE-3C478B12EC0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75" name="OTLSHAPE_T_6d55cf0b60df413283e0a34453b0519a_EndDate" hidden="1">
            <a:extLst>
              <a:ext uri="{FF2B5EF4-FFF2-40B4-BE49-F238E27FC236}">
                <a16:creationId xmlns:a16="http://schemas.microsoft.com/office/drawing/2014/main" id="{4CCBABEE-4D16-4782-A1B8-0EABE451D2D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76" name="OTLSHAPE_T_6d55cf0b60df413283e0a34453b0519a_Duration">
            <a:extLst>
              <a:ext uri="{FF2B5EF4-FFF2-40B4-BE49-F238E27FC236}">
                <a16:creationId xmlns:a16="http://schemas.microsoft.com/office/drawing/2014/main" id="{F0EA3897-5094-41FA-B5A7-EF89592E797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527722" y="20453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77" name="OTLSHAPE_T_6d55cf0b60df413283e0a34453b0519a_TextPercentage" hidden="1">
            <a:extLst>
              <a:ext uri="{FF2B5EF4-FFF2-40B4-BE49-F238E27FC236}">
                <a16:creationId xmlns:a16="http://schemas.microsoft.com/office/drawing/2014/main" id="{803CEFFA-85BB-4F34-B9CB-30368EA2146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541778" y="23809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 dirty="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8" name="OTLSHAPE_T_6d55cf0b60df413283e0a34453b0519a_Title">
            <a:extLst>
              <a:ext uri="{FF2B5EF4-FFF2-40B4-BE49-F238E27FC236}">
                <a16:creationId xmlns:a16="http://schemas.microsoft.com/office/drawing/2014/main" id="{F0DE9060-34BB-4D27-A3AE-D57C9151BB7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2038033"/>
            <a:ext cx="1143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5E5E5E"/>
                </a:solidFill>
                <a:latin typeface="Arial" panose="020B0604020202020204" pitchFamily="34" charset="0"/>
              </a:rPr>
              <a:t>PC Image Preparation</a:t>
            </a:r>
          </a:p>
        </p:txBody>
      </p:sp>
      <p:sp>
        <p:nvSpPr>
          <p:cNvPr id="81" name="OTLSHAPE_T_8ec20e59052741cda5b252447e8b9a7a_JoinedDate" hidden="1">
            <a:extLst>
              <a:ext uri="{FF2B5EF4-FFF2-40B4-BE49-F238E27FC236}">
                <a16:creationId xmlns:a16="http://schemas.microsoft.com/office/drawing/2014/main" id="{697699B5-C3A9-4DE9-8C67-4A32774ED29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5E5E5E"/>
                </a:solidFill>
                <a:latin typeface="Arial" panose="020B0604020202020204" pitchFamily="34" charset="0"/>
              </a:rPr>
              <a:t>Feb 7 - Feb 14</a:t>
            </a:r>
          </a:p>
        </p:txBody>
      </p:sp>
      <p:sp>
        <p:nvSpPr>
          <p:cNvPr id="82" name="OTLSHAPE_T_8ec20e59052741cda5b252447e8b9a7a_StartDate" hidden="1">
            <a:extLst>
              <a:ext uri="{FF2B5EF4-FFF2-40B4-BE49-F238E27FC236}">
                <a16:creationId xmlns:a16="http://schemas.microsoft.com/office/drawing/2014/main" id="{83FC3CC6-8ACE-480F-BB1D-B00E5200D24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5E5E5E"/>
              </a:solidFill>
              <a:latin typeface="Arial" panose="020B0604020202020204" pitchFamily="34" charset="0"/>
            </a:endParaRPr>
          </a:p>
        </p:txBody>
      </p:sp>
      <p:sp>
        <p:nvSpPr>
          <p:cNvPr id="83" name="OTLSHAPE_T_8ec20e59052741cda5b252447e8b9a7a_EndDate" hidden="1">
            <a:extLst>
              <a:ext uri="{FF2B5EF4-FFF2-40B4-BE49-F238E27FC236}">
                <a16:creationId xmlns:a16="http://schemas.microsoft.com/office/drawing/2014/main" id="{9C2B7994-614A-4795-B10F-3EFB02C589EE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5E5E5E"/>
              </a:solidFill>
              <a:latin typeface="Arial" panose="020B0604020202020204" pitchFamily="34" charset="0"/>
            </a:endParaRPr>
          </a:p>
        </p:txBody>
      </p:sp>
      <p:sp>
        <p:nvSpPr>
          <p:cNvPr id="84" name="OTLSHAPE_T_8ec20e59052741cda5b252447e8b9a7a_Duration">
            <a:extLst>
              <a:ext uri="{FF2B5EF4-FFF2-40B4-BE49-F238E27FC236}">
                <a16:creationId xmlns:a16="http://schemas.microsoft.com/office/drawing/2014/main" id="{C5FFE4A5-E468-4F0E-9B83-96A9483D213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014386" y="22612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85" name="OTLSHAPE_T_8ec20e59052741cda5b252447e8b9a7a_TextPercentage" hidden="1">
            <a:extLst>
              <a:ext uri="{FF2B5EF4-FFF2-40B4-BE49-F238E27FC236}">
                <a16:creationId xmlns:a16="http://schemas.microsoft.com/office/drawing/2014/main" id="{400875FC-F632-4E5C-9F84-5F3C46CD417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028442" y="25968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6" name="OTLSHAPE_T_8ec20e59052741cda5b252447e8b9a7a_Title">
            <a:extLst>
              <a:ext uri="{FF2B5EF4-FFF2-40B4-BE49-F238E27FC236}">
                <a16:creationId xmlns:a16="http://schemas.microsoft.com/office/drawing/2014/main" id="{A526CEE5-931E-43ED-8971-3071E80C379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0" y="2253933"/>
            <a:ext cx="1600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rgbClr val="5E5E5E"/>
                </a:solidFill>
                <a:latin typeface="Arial" panose="020B0604020202020204" pitchFamily="34" charset="0"/>
              </a:rPr>
              <a:t>Smartphone Image Preparation</a:t>
            </a:r>
          </a:p>
        </p:txBody>
      </p:sp>
      <p:sp>
        <p:nvSpPr>
          <p:cNvPr id="89" name="OTLSHAPE_T_f87746d144fd465eaa6cf37f0a48bbe4_JoinedDate" hidden="1">
            <a:extLst>
              <a:ext uri="{FF2B5EF4-FFF2-40B4-BE49-F238E27FC236}">
                <a16:creationId xmlns:a16="http://schemas.microsoft.com/office/drawing/2014/main" id="{1F0AA6E7-6437-40C1-9662-F303A173821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610547"/>
            <a:ext cx="825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838383"/>
                </a:solidFill>
                <a:latin typeface="Arial" panose="020B0604020202020204" pitchFamily="34" charset="0"/>
              </a:rPr>
              <a:t>Feb 17 - Feb 21</a:t>
            </a:r>
          </a:p>
        </p:txBody>
      </p:sp>
      <p:sp>
        <p:nvSpPr>
          <p:cNvPr id="90" name="OTLSHAPE_T_f87746d144fd465eaa6cf37f0a48bbe4_StartDate" hidden="1">
            <a:extLst>
              <a:ext uri="{FF2B5EF4-FFF2-40B4-BE49-F238E27FC236}">
                <a16:creationId xmlns:a16="http://schemas.microsoft.com/office/drawing/2014/main" id="{37579ED2-1070-40C5-8A9B-6686BB5C06F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91" name="OTLSHAPE_T_f87746d144fd465eaa6cf37f0a48bbe4_EndDate" hidden="1">
            <a:extLst>
              <a:ext uri="{FF2B5EF4-FFF2-40B4-BE49-F238E27FC236}">
                <a16:creationId xmlns:a16="http://schemas.microsoft.com/office/drawing/2014/main" id="{40053D3A-73CD-4934-8898-C7AA2E7162F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92" name="OTLSHAPE_T_f87746d144fd465eaa6cf37f0a48bbe4_Duration">
            <a:extLst>
              <a:ext uri="{FF2B5EF4-FFF2-40B4-BE49-F238E27FC236}">
                <a16:creationId xmlns:a16="http://schemas.microsoft.com/office/drawing/2014/main" id="{6BDA20CB-21DB-4151-A746-9044BB1851A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866048" y="24771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93" name="OTLSHAPE_T_f87746d144fd465eaa6cf37f0a48bbe4_TextPercentage" hidden="1">
            <a:extLst>
              <a:ext uri="{FF2B5EF4-FFF2-40B4-BE49-F238E27FC236}">
                <a16:creationId xmlns:a16="http://schemas.microsoft.com/office/drawing/2014/main" id="{C8DE8EF2-70A7-4645-9D17-D04DD4D4079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245103" y="28127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4" name="OTLSHAPE_T_f87746d144fd465eaa6cf37f0a48bbe4_Title">
            <a:extLst>
              <a:ext uri="{FF2B5EF4-FFF2-40B4-BE49-F238E27FC236}">
                <a16:creationId xmlns:a16="http://schemas.microsoft.com/office/drawing/2014/main" id="{E827319E-7345-459F-AC89-1BBBFF7A20C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0" y="2469833"/>
            <a:ext cx="647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5E5E5E"/>
                </a:solidFill>
                <a:latin typeface="Arial" panose="020B0604020202020204" pitchFamily="34" charset="0"/>
              </a:rPr>
              <a:t>Optimization</a:t>
            </a:r>
          </a:p>
        </p:txBody>
      </p:sp>
      <p:sp>
        <p:nvSpPr>
          <p:cNvPr id="97" name="OTLSHAPE_T_b87e0b15d7e149e6a3db69eddfff53a6_JoinedDate" hidden="1">
            <a:extLst>
              <a:ext uri="{FF2B5EF4-FFF2-40B4-BE49-F238E27FC236}">
                <a16:creationId xmlns:a16="http://schemas.microsoft.com/office/drawing/2014/main" id="{B091FA15-59FF-4632-A94F-37830AF5750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610547"/>
            <a:ext cx="825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FF9927"/>
                </a:solidFill>
                <a:latin typeface="Arial" panose="020B0604020202020204" pitchFamily="34" charset="0"/>
              </a:rPr>
              <a:t>Feb 21 - Feb 27</a:t>
            </a:r>
          </a:p>
        </p:txBody>
      </p:sp>
      <p:sp>
        <p:nvSpPr>
          <p:cNvPr id="98" name="OTLSHAPE_T_b87e0b15d7e149e6a3db69eddfff53a6_StartDate" hidden="1">
            <a:extLst>
              <a:ext uri="{FF2B5EF4-FFF2-40B4-BE49-F238E27FC236}">
                <a16:creationId xmlns:a16="http://schemas.microsoft.com/office/drawing/2014/main" id="{BAAC100C-FF37-4210-9050-954199F585D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FF9927"/>
              </a:solidFill>
              <a:latin typeface="Arial" panose="020B0604020202020204" pitchFamily="34" charset="0"/>
            </a:endParaRPr>
          </a:p>
        </p:txBody>
      </p:sp>
      <p:sp>
        <p:nvSpPr>
          <p:cNvPr id="99" name="OTLSHAPE_T_b87e0b15d7e149e6a3db69eddfff53a6_EndDate" hidden="1">
            <a:extLst>
              <a:ext uri="{FF2B5EF4-FFF2-40B4-BE49-F238E27FC236}">
                <a16:creationId xmlns:a16="http://schemas.microsoft.com/office/drawing/2014/main" id="{5E60A35F-03AB-4052-96A3-FDB837C46D0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FF9927"/>
              </a:solidFill>
              <a:latin typeface="Arial" panose="020B0604020202020204" pitchFamily="34" charset="0"/>
            </a:endParaRPr>
          </a:p>
        </p:txBody>
      </p:sp>
      <p:sp>
        <p:nvSpPr>
          <p:cNvPr id="100" name="OTLSHAPE_T_b87e0b15d7e149e6a3db69eddfff53a6_Duration">
            <a:extLst>
              <a:ext uri="{FF2B5EF4-FFF2-40B4-BE49-F238E27FC236}">
                <a16:creationId xmlns:a16="http://schemas.microsoft.com/office/drawing/2014/main" id="{5D7635B0-FEB8-42FD-A806-D3CA68AC517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596044" y="26930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01" name="OTLSHAPE_T_b87e0b15d7e149e6a3db69eddfff53a6_TextPercentage" hidden="1">
            <a:extLst>
              <a:ext uri="{FF2B5EF4-FFF2-40B4-BE49-F238E27FC236}">
                <a16:creationId xmlns:a16="http://schemas.microsoft.com/office/drawing/2014/main" id="{3555E8B4-1E92-4D63-9DD2-2CB58916CB5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731767" y="30286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2" name="OTLSHAPE_T_b87e0b15d7e149e6a3db69eddfff53a6_Title">
            <a:extLst>
              <a:ext uri="{FF2B5EF4-FFF2-40B4-BE49-F238E27FC236}">
                <a16:creationId xmlns:a16="http://schemas.microsoft.com/office/drawing/2014/main" id="{B372E4DA-1A28-411B-84FE-04D742357DC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0" y="2685733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2">
                <a:solidFill>
                  <a:srgbClr val="B96D00"/>
                </a:solidFill>
                <a:latin typeface="Arial" panose="020B0604020202020204" pitchFamily="34" charset="0"/>
              </a:rPr>
              <a:t>PC Image Test</a:t>
            </a:r>
          </a:p>
        </p:txBody>
      </p:sp>
      <p:sp>
        <p:nvSpPr>
          <p:cNvPr id="105" name="OTLSHAPE_T_3650f7fe3e974e7baeb38f3992aacd70_JoinedDate" hidden="1">
            <a:extLst>
              <a:ext uri="{FF2B5EF4-FFF2-40B4-BE49-F238E27FC236}">
                <a16:creationId xmlns:a16="http://schemas.microsoft.com/office/drawing/2014/main" id="{2716B8BB-F4E6-4BFD-A003-C602A08749C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610547"/>
            <a:ext cx="825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FF9927"/>
                </a:solidFill>
                <a:latin typeface="Arial" panose="020B0604020202020204" pitchFamily="34" charset="0"/>
              </a:rPr>
              <a:t>Feb 21 - Feb 27</a:t>
            </a:r>
          </a:p>
        </p:txBody>
      </p:sp>
      <p:sp>
        <p:nvSpPr>
          <p:cNvPr id="106" name="OTLSHAPE_T_3650f7fe3e974e7baeb38f3992aacd70_StartDate" hidden="1">
            <a:extLst>
              <a:ext uri="{FF2B5EF4-FFF2-40B4-BE49-F238E27FC236}">
                <a16:creationId xmlns:a16="http://schemas.microsoft.com/office/drawing/2014/main" id="{9C8EE16E-F116-4A2C-A737-662C319C177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FF9927"/>
              </a:solidFill>
              <a:latin typeface="Arial" panose="020B0604020202020204" pitchFamily="34" charset="0"/>
            </a:endParaRPr>
          </a:p>
        </p:txBody>
      </p:sp>
      <p:sp>
        <p:nvSpPr>
          <p:cNvPr id="107" name="OTLSHAPE_T_3650f7fe3e974e7baeb38f3992aacd70_EndDate" hidden="1">
            <a:extLst>
              <a:ext uri="{FF2B5EF4-FFF2-40B4-BE49-F238E27FC236}">
                <a16:creationId xmlns:a16="http://schemas.microsoft.com/office/drawing/2014/main" id="{13935AEB-0818-469D-9CE5-F66EE7BA1A5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FF9927"/>
              </a:solidFill>
              <a:latin typeface="Arial" panose="020B0604020202020204" pitchFamily="34" charset="0"/>
            </a:endParaRPr>
          </a:p>
        </p:txBody>
      </p:sp>
      <p:sp>
        <p:nvSpPr>
          <p:cNvPr id="108" name="OTLSHAPE_T_3650f7fe3e974e7baeb38f3992aacd70_Duration">
            <a:extLst>
              <a:ext uri="{FF2B5EF4-FFF2-40B4-BE49-F238E27FC236}">
                <a16:creationId xmlns:a16="http://schemas.microsoft.com/office/drawing/2014/main" id="{1EF3A335-A9B5-4703-A967-BBF87EA9F94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596044" y="29089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09" name="OTLSHAPE_T_3650f7fe3e974e7baeb38f3992aacd70_TextPercentage" hidden="1">
            <a:extLst>
              <a:ext uri="{FF2B5EF4-FFF2-40B4-BE49-F238E27FC236}">
                <a16:creationId xmlns:a16="http://schemas.microsoft.com/office/drawing/2014/main" id="{6BE1CCF8-15FD-44E3-86D8-DA3F2F00D532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4731767" y="32445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0" name="OTLSHAPE_T_3650f7fe3e974e7baeb38f3992aacd70_Title">
            <a:extLst>
              <a:ext uri="{FF2B5EF4-FFF2-40B4-BE49-F238E27FC236}">
                <a16:creationId xmlns:a16="http://schemas.microsoft.com/office/drawing/2014/main" id="{198DA5A4-78A2-412F-9512-959D030B432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0" y="2901633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2" dirty="0">
                <a:solidFill>
                  <a:srgbClr val="B96D00"/>
                </a:solidFill>
                <a:latin typeface="Arial" panose="020B0604020202020204" pitchFamily="34" charset="0"/>
              </a:rPr>
              <a:t>Smartphone Test</a:t>
            </a:r>
          </a:p>
        </p:txBody>
      </p:sp>
      <p:sp>
        <p:nvSpPr>
          <p:cNvPr id="113" name="OTLSHAPE_T_aef263fd252f41588787d1051353f46a_JoinedDate" hidden="1">
            <a:extLst>
              <a:ext uri="{FF2B5EF4-FFF2-40B4-BE49-F238E27FC236}">
                <a16:creationId xmlns:a16="http://schemas.microsoft.com/office/drawing/2014/main" id="{7D946456-0E92-4C89-8D97-94A5843E7C3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Feb 26 - Mar 6</a:t>
            </a:r>
          </a:p>
        </p:txBody>
      </p:sp>
      <p:sp>
        <p:nvSpPr>
          <p:cNvPr id="114" name="OTLSHAPE_T_aef263fd252f41588787d1051353f46a_StartDate" hidden="1">
            <a:extLst>
              <a:ext uri="{FF2B5EF4-FFF2-40B4-BE49-F238E27FC236}">
                <a16:creationId xmlns:a16="http://schemas.microsoft.com/office/drawing/2014/main" id="{9BB8D254-1160-4032-8413-330179D729A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5" name="OTLSHAPE_T_aef263fd252f41588787d1051353f46a_EndDate" hidden="1">
            <a:extLst>
              <a:ext uri="{FF2B5EF4-FFF2-40B4-BE49-F238E27FC236}">
                <a16:creationId xmlns:a16="http://schemas.microsoft.com/office/drawing/2014/main" id="{19547920-EAB1-4242-BB5E-C091A4280C7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6" name="OTLSHAPE_T_aef263fd252f41588787d1051353f46a_Duration">
            <a:extLst>
              <a:ext uri="{FF2B5EF4-FFF2-40B4-BE49-F238E27FC236}">
                <a16:creationId xmlns:a16="http://schemas.microsoft.com/office/drawing/2014/main" id="{EB014F5E-6B1D-49A1-BC2B-35C0E73806B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447706" y="31248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117" name="OTLSHAPE_T_aef263fd252f41588787d1051353f46a_TextPercentage" hidden="1">
            <a:extLst>
              <a:ext uri="{FF2B5EF4-FFF2-40B4-BE49-F238E27FC236}">
                <a16:creationId xmlns:a16="http://schemas.microsoft.com/office/drawing/2014/main" id="{989D1E5C-B106-4837-B56D-0B76EA1AFAD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301997" y="34604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8" name="OTLSHAPE_T_aef263fd252f41588787d1051353f46a_Title">
            <a:extLst>
              <a:ext uri="{FF2B5EF4-FFF2-40B4-BE49-F238E27FC236}">
                <a16:creationId xmlns:a16="http://schemas.microsoft.com/office/drawing/2014/main" id="{5C78E5CA-668F-4605-8A43-00224251FA2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0" y="3117533"/>
            <a:ext cx="1016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rgbClr val="DF5327"/>
                </a:solidFill>
                <a:latin typeface="Arial" panose="020B0604020202020204" pitchFamily="34" charset="0"/>
              </a:rPr>
              <a:t>PC Image Sign-Off</a:t>
            </a:r>
          </a:p>
        </p:txBody>
      </p:sp>
      <p:sp>
        <p:nvSpPr>
          <p:cNvPr id="121" name="OTLSHAPE_T_7d520a6a335a4f32833bb43037aa03ef_JoinedDate" hidden="1">
            <a:extLst>
              <a:ext uri="{FF2B5EF4-FFF2-40B4-BE49-F238E27FC236}">
                <a16:creationId xmlns:a16="http://schemas.microsoft.com/office/drawing/2014/main" id="{93B30270-27B2-4433-A763-7B2FA6AEF35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Feb 28 - Mar 7</a:t>
            </a:r>
          </a:p>
        </p:txBody>
      </p:sp>
      <p:sp>
        <p:nvSpPr>
          <p:cNvPr id="122" name="OTLSHAPE_T_7d520a6a335a4f32833bb43037aa03ef_StartDate" hidden="1">
            <a:extLst>
              <a:ext uri="{FF2B5EF4-FFF2-40B4-BE49-F238E27FC236}">
                <a16:creationId xmlns:a16="http://schemas.microsoft.com/office/drawing/2014/main" id="{C936FBAC-AF57-4C0B-B40D-5E508BDB368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3" name="OTLSHAPE_T_7d520a6a335a4f32833bb43037aa03ef_EndDate" hidden="1">
            <a:extLst>
              <a:ext uri="{FF2B5EF4-FFF2-40B4-BE49-F238E27FC236}">
                <a16:creationId xmlns:a16="http://schemas.microsoft.com/office/drawing/2014/main" id="{1FF1ABDC-A04F-41C1-96EE-4032E7F894E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4" name="OTLSHAPE_T_7d520a6a335a4f32833bb43037aa03ef_Duration">
            <a:extLst>
              <a:ext uri="{FF2B5EF4-FFF2-40B4-BE49-F238E27FC236}">
                <a16:creationId xmlns:a16="http://schemas.microsoft.com/office/drawing/2014/main" id="{8ED237FF-6436-443E-855B-0FF3375FE5A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569373" y="33407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25" name="OTLSHAPE_T_7d520a6a335a4f32833bb43037aa03ef_TextPercentage" hidden="1">
            <a:extLst>
              <a:ext uri="{FF2B5EF4-FFF2-40B4-BE49-F238E27FC236}">
                <a16:creationId xmlns:a16="http://schemas.microsoft.com/office/drawing/2014/main" id="{9B6B517E-46B8-4F50-9D61-266BB4ECD65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545329" y="36763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6" name="OTLSHAPE_T_7d520a6a335a4f32833bb43037aa03ef_Title">
            <a:extLst>
              <a:ext uri="{FF2B5EF4-FFF2-40B4-BE49-F238E27FC236}">
                <a16:creationId xmlns:a16="http://schemas.microsoft.com/office/drawing/2014/main" id="{7C6D9311-85C8-45E8-9E66-09AA7F50CAE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0" y="3333433"/>
            <a:ext cx="1524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rgbClr val="DF5327"/>
                </a:solidFill>
                <a:latin typeface="Arial" panose="020B0604020202020204" pitchFamily="34" charset="0"/>
              </a:rPr>
              <a:t>Smartphone Image Sign-Off</a:t>
            </a:r>
          </a:p>
        </p:txBody>
      </p:sp>
      <p:sp>
        <p:nvSpPr>
          <p:cNvPr id="129" name="OTLSHAPE_T_b155e75456014130be3e20d84326984a_JoinedDate" hidden="1">
            <a:extLst>
              <a:ext uri="{FF2B5EF4-FFF2-40B4-BE49-F238E27FC236}">
                <a16:creationId xmlns:a16="http://schemas.microsoft.com/office/drawing/2014/main" id="{DBA5E661-951E-44D0-B793-0BD85AAF711A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472048"/>
            <a:ext cx="698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838383"/>
                </a:solidFill>
                <a:latin typeface="Arial" panose="020B0604020202020204" pitchFamily="34" charset="0"/>
              </a:rPr>
              <a:t>Mar 4 - Mar 7</a:t>
            </a:r>
          </a:p>
        </p:txBody>
      </p:sp>
      <p:sp>
        <p:nvSpPr>
          <p:cNvPr id="130" name="OTLSHAPE_T_b155e75456014130be3e20d84326984a_StartDate" hidden="1">
            <a:extLst>
              <a:ext uri="{FF2B5EF4-FFF2-40B4-BE49-F238E27FC236}">
                <a16:creationId xmlns:a16="http://schemas.microsoft.com/office/drawing/2014/main" id="{C67B9455-F8D6-4556-B399-FB3F2FE03832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131" name="OTLSHAPE_T_b155e75456014130be3e20d84326984a_EndDate" hidden="1">
            <a:extLst>
              <a:ext uri="{FF2B5EF4-FFF2-40B4-BE49-F238E27FC236}">
                <a16:creationId xmlns:a16="http://schemas.microsoft.com/office/drawing/2014/main" id="{16707B6A-5BF9-4B87-911C-BB53CF34540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132" name="OTLSHAPE_T_b155e75456014130be3e20d84326984a_Duration">
            <a:extLst>
              <a:ext uri="{FF2B5EF4-FFF2-40B4-BE49-F238E27FC236}">
                <a16:creationId xmlns:a16="http://schemas.microsoft.com/office/drawing/2014/main" id="{7A252F19-4AAD-4BF8-8183-EDC38ED209D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569373" y="35566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33" name="OTLSHAPE_T_b155e75456014130be3e20d84326984a_TextPercentage" hidden="1">
            <a:extLst>
              <a:ext uri="{FF2B5EF4-FFF2-40B4-BE49-F238E27FC236}">
                <a16:creationId xmlns:a16="http://schemas.microsoft.com/office/drawing/2014/main" id="{118D6733-70EC-43F9-ABC1-7005B67762A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070093" y="38922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4" name="OTLSHAPE_T_b155e75456014130be3e20d84326984a_Title">
            <a:extLst>
              <a:ext uri="{FF2B5EF4-FFF2-40B4-BE49-F238E27FC236}">
                <a16:creationId xmlns:a16="http://schemas.microsoft.com/office/drawing/2014/main" id="{C53BAD90-511D-42A5-A300-9D15DB38897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0" y="3549333"/>
            <a:ext cx="774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5E5E5E"/>
                </a:solidFill>
                <a:latin typeface="Arial" panose="020B0604020202020204" pitchFamily="34" charset="0"/>
              </a:rPr>
              <a:t>Documentation</a:t>
            </a:r>
          </a:p>
        </p:txBody>
      </p:sp>
      <p:sp>
        <p:nvSpPr>
          <p:cNvPr id="137" name="OTLSHAPE_T_5401bb23af9a476e9f040df9282bc734_JoinedDate" hidden="1">
            <a:extLst>
              <a:ext uri="{FF2B5EF4-FFF2-40B4-BE49-F238E27FC236}">
                <a16:creationId xmlns:a16="http://schemas.microsoft.com/office/drawing/2014/main" id="{4BC56482-A9F6-4934-AB52-BC5DDB34B04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610547"/>
            <a:ext cx="825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rgbClr val="838383"/>
                </a:solidFill>
                <a:latin typeface="Arial" panose="020B0604020202020204" pitchFamily="34" charset="0"/>
              </a:rPr>
              <a:t>Mar 10 - Mar 12</a:t>
            </a:r>
          </a:p>
        </p:txBody>
      </p:sp>
      <p:sp>
        <p:nvSpPr>
          <p:cNvPr id="138" name="OTLSHAPE_T_5401bb23af9a476e9f040df9282bc734_StartDate" hidden="1">
            <a:extLst>
              <a:ext uri="{FF2B5EF4-FFF2-40B4-BE49-F238E27FC236}">
                <a16:creationId xmlns:a16="http://schemas.microsoft.com/office/drawing/2014/main" id="{B0E9F852-8360-447B-A848-62FAB8F1A86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139" name="OTLSHAPE_T_5401bb23af9a476e9f040df9282bc734_EndDate" hidden="1">
            <a:extLst>
              <a:ext uri="{FF2B5EF4-FFF2-40B4-BE49-F238E27FC236}">
                <a16:creationId xmlns:a16="http://schemas.microsoft.com/office/drawing/2014/main" id="{DFA729E8-4342-4B86-A2A6-595CBD02DC6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rgbClr val="838383"/>
              </a:solidFill>
              <a:latin typeface="Arial" panose="020B0604020202020204" pitchFamily="34" charset="0"/>
            </a:endParaRPr>
          </a:p>
        </p:txBody>
      </p:sp>
      <p:sp>
        <p:nvSpPr>
          <p:cNvPr id="140" name="OTLSHAPE_T_5401bb23af9a476e9f040df9282bc734_Duration">
            <a:extLst>
              <a:ext uri="{FF2B5EF4-FFF2-40B4-BE49-F238E27FC236}">
                <a16:creationId xmlns:a16="http://schemas.microsoft.com/office/drawing/2014/main" id="{14C97FB9-959C-4A91-AC38-B8E18BA27C9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177703" y="3772535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41" name="OTLSHAPE_T_5401bb23af9a476e9f040df9282bc734_TextPercentage" hidden="1">
            <a:extLst>
              <a:ext uri="{FF2B5EF4-FFF2-40B4-BE49-F238E27FC236}">
                <a16:creationId xmlns:a16="http://schemas.microsoft.com/office/drawing/2014/main" id="{FF073011-E18A-4031-ACA7-CE2748A20B8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6800089" y="4108133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2" name="OTLSHAPE_T_5401bb23af9a476e9f040df9282bc734_Title">
            <a:extLst>
              <a:ext uri="{FF2B5EF4-FFF2-40B4-BE49-F238E27FC236}">
                <a16:creationId xmlns:a16="http://schemas.microsoft.com/office/drawing/2014/main" id="{AFC5FEA0-A92B-496F-91E7-4ED45EF578E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0" y="3765233"/>
            <a:ext cx="927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5E5E5E"/>
                </a:solidFill>
                <a:latin typeface="Arial" panose="020B0604020202020204" pitchFamily="34" charset="0"/>
              </a:rPr>
              <a:t>Helpdesk Training</a:t>
            </a:r>
          </a:p>
        </p:txBody>
      </p:sp>
      <p:sp>
        <p:nvSpPr>
          <p:cNvPr id="50" name="OTLSHAPE_M_f6b315db6ff54bdca7688710ebbb4c16_Shape">
            <a:extLst>
              <a:ext uri="{FF2B5EF4-FFF2-40B4-BE49-F238E27FC236}">
                <a16:creationId xmlns:a16="http://schemas.microsoft.com/office/drawing/2014/main" id="{E9DCB7E8-22A2-4003-A8ED-84F0D5D645F5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 rot="16200000">
            <a:off x="7766983" y="4088588"/>
            <a:ext cx="228600" cy="228600"/>
          </a:xfrm>
          <a:prstGeom prst="flowChartMerge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M_fbe49e8997ed4ac9b5461efd95b8a31b_Shape">
            <a:extLst>
              <a:ext uri="{FF2B5EF4-FFF2-40B4-BE49-F238E27FC236}">
                <a16:creationId xmlns:a16="http://schemas.microsoft.com/office/drawing/2014/main" id="{7ADD3B1F-9275-47BD-A0BD-F5F295A0E12F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891202" y="4775200"/>
            <a:ext cx="304800" cy="338667"/>
          </a:xfrm>
          <a:prstGeom prst="upArrow">
            <a:avLst/>
          </a:prstGeom>
          <a:solidFill>
            <a:srgbClr val="31688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M_362c72131dd24e04961f0971802119c8_Shape">
            <a:extLst>
              <a:ext uri="{FF2B5EF4-FFF2-40B4-BE49-F238E27FC236}">
                <a16:creationId xmlns:a16="http://schemas.microsoft.com/office/drawing/2014/main" id="{1556DE8F-7A87-4726-A873-3CC5FAE091C3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4201584" y="4775200"/>
            <a:ext cx="254000" cy="282222"/>
          </a:xfrm>
          <a:prstGeom prst="diamond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M_0c6a692e9cf34ab382a11e5090d7f3f3_Shape">
            <a:extLst>
              <a:ext uri="{FF2B5EF4-FFF2-40B4-BE49-F238E27FC236}">
                <a16:creationId xmlns:a16="http://schemas.microsoft.com/office/drawing/2014/main" id="{AAAE97B5-C8FD-4584-B617-D6A309FFAE06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6026574" y="4775200"/>
            <a:ext cx="254000" cy="282222"/>
          </a:xfrm>
          <a:prstGeom prst="triangle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M_a08a91c9704b432591071a8385bca8e4_Shape">
            <a:extLst>
              <a:ext uri="{FF2B5EF4-FFF2-40B4-BE49-F238E27FC236}">
                <a16:creationId xmlns:a16="http://schemas.microsoft.com/office/drawing/2014/main" id="{8C81DBBC-F0EF-4CC1-B2FF-D4CFD08C984F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7947831" y="4775200"/>
            <a:ext cx="304800" cy="338667"/>
          </a:xfrm>
          <a:prstGeom prst="downArrow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f6b315db6ff54bdca7688710ebbb4c16_Title">
            <a:extLst>
              <a:ext uri="{FF2B5EF4-FFF2-40B4-BE49-F238E27FC236}">
                <a16:creationId xmlns:a16="http://schemas.microsoft.com/office/drawing/2014/main" id="{05257EAB-69D0-4F0E-B546-D7F49058FA95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024511" y="4110355"/>
            <a:ext cx="609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u="sng" spc="-6" dirty="0">
                <a:solidFill>
                  <a:srgbClr val="535C13"/>
                </a:solidFill>
                <a:latin typeface="Arial" panose="020B0604020202020204" pitchFamily="34" charset="0"/>
              </a:rPr>
              <a:t>Production</a:t>
            </a:r>
          </a:p>
        </p:txBody>
      </p:sp>
      <p:sp>
        <p:nvSpPr>
          <p:cNvPr id="49" name="OTLSHAPE_M_f6b315db6ff54bdca7688710ebbb4c16_Date" hidden="1">
            <a:extLst>
              <a:ext uri="{FF2B5EF4-FFF2-40B4-BE49-F238E27FC236}">
                <a16:creationId xmlns:a16="http://schemas.microsoft.com/office/drawing/2014/main" id="{95FB73EF-7C4C-4170-8C4A-83263235EA99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r 17</a:t>
            </a:r>
          </a:p>
        </p:txBody>
      </p:sp>
      <p:sp>
        <p:nvSpPr>
          <p:cNvPr id="51" name="OTLSHAPE_M_fbe49e8997ed4ac9b5461efd95b8a31b_Title">
            <a:extLst>
              <a:ext uri="{FF2B5EF4-FFF2-40B4-BE49-F238E27FC236}">
                <a16:creationId xmlns:a16="http://schemas.microsoft.com/office/drawing/2014/main" id="{5974DE21-F0DD-49B2-BEC3-A33E22D8E03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82041" y="5139267"/>
            <a:ext cx="914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rgbClr val="737373"/>
                </a:solidFill>
                <a:latin typeface="Arial" panose="020B0604020202020204" pitchFamily="34" charset="0"/>
              </a:rPr>
              <a:t>Project Approval</a:t>
            </a:r>
          </a:p>
        </p:txBody>
      </p:sp>
      <p:sp>
        <p:nvSpPr>
          <p:cNvPr id="52" name="OTLSHAPE_M_fbe49e8997ed4ac9b5461efd95b8a31b_Date" hidden="1">
            <a:extLst>
              <a:ext uri="{FF2B5EF4-FFF2-40B4-BE49-F238E27FC236}">
                <a16:creationId xmlns:a16="http://schemas.microsoft.com/office/drawing/2014/main" id="{249F07E9-2BF2-413F-9BF2-C54CBCC85D7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an 21</a:t>
            </a:r>
          </a:p>
        </p:txBody>
      </p:sp>
      <p:sp>
        <p:nvSpPr>
          <p:cNvPr id="54" name="OTLSHAPE_M_362c72131dd24e04961f0971802119c8_Title">
            <a:extLst>
              <a:ext uri="{FF2B5EF4-FFF2-40B4-BE49-F238E27FC236}">
                <a16:creationId xmlns:a16="http://schemas.microsoft.com/office/drawing/2014/main" id="{76017087-FB4F-4353-A479-A57C93D3064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3852292" y="5082822"/>
            <a:ext cx="952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rgbClr val="5E5E5E"/>
                </a:solidFill>
                <a:latin typeface="Arial" panose="020B0604020202020204" pitchFamily="34" charset="0"/>
              </a:rPr>
              <a:t>Image Rolled Out</a:t>
            </a:r>
          </a:p>
        </p:txBody>
      </p:sp>
      <p:sp>
        <p:nvSpPr>
          <p:cNvPr id="55" name="OTLSHAPE_M_362c72131dd24e04961f0971802119c8_Date" hidden="1">
            <a:extLst>
              <a:ext uri="{FF2B5EF4-FFF2-40B4-BE49-F238E27FC236}">
                <a16:creationId xmlns:a16="http://schemas.microsoft.com/office/drawing/2014/main" id="{390D1DD5-0D1B-46F2-843F-DCC2288C5114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Feb 17</a:t>
            </a:r>
          </a:p>
        </p:txBody>
      </p:sp>
      <p:sp>
        <p:nvSpPr>
          <p:cNvPr id="57" name="OTLSHAPE_M_0c6a692e9cf34ab382a11e5090d7f3f3_Title">
            <a:extLst>
              <a:ext uri="{FF2B5EF4-FFF2-40B4-BE49-F238E27FC236}">
                <a16:creationId xmlns:a16="http://schemas.microsoft.com/office/drawing/2014/main" id="{02F87DE5-1D59-4FA9-9743-3D91FCFE9AD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5701561" y="5082822"/>
            <a:ext cx="901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rgbClr val="5E5E5E"/>
                </a:solidFill>
                <a:latin typeface="Arial" panose="020B0604020202020204" pitchFamily="34" charset="0"/>
              </a:rPr>
              <a:t>Image Approved</a:t>
            </a:r>
          </a:p>
        </p:txBody>
      </p:sp>
      <p:sp>
        <p:nvSpPr>
          <p:cNvPr id="58" name="OTLSHAPE_M_0c6a692e9cf34ab382a11e5090d7f3f3_Date" hidden="1">
            <a:extLst>
              <a:ext uri="{FF2B5EF4-FFF2-40B4-BE49-F238E27FC236}">
                <a16:creationId xmlns:a16="http://schemas.microsoft.com/office/drawing/2014/main" id="{4F0762A0-8E61-411B-B7B8-8B587FB8AB3A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1257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r 4</a:t>
            </a:r>
          </a:p>
        </p:txBody>
      </p:sp>
      <p:sp>
        <p:nvSpPr>
          <p:cNvPr id="60" name="OTLSHAPE_M_a08a91c9704b432591071a8385bca8e4_Title">
            <a:extLst>
              <a:ext uri="{FF2B5EF4-FFF2-40B4-BE49-F238E27FC236}">
                <a16:creationId xmlns:a16="http://schemas.microsoft.com/office/drawing/2014/main" id="{86B520B6-BAC6-4EF5-AF2A-4EF700612BF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7639834" y="5139267"/>
            <a:ext cx="914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>
                <a:solidFill>
                  <a:srgbClr val="737373"/>
                </a:solidFill>
                <a:latin typeface="Arial" panose="020B0604020202020204" pitchFamily="34" charset="0"/>
              </a:rPr>
              <a:t>Project Hand-Off</a:t>
            </a:r>
          </a:p>
        </p:txBody>
      </p:sp>
      <p:sp>
        <p:nvSpPr>
          <p:cNvPr id="61" name="OTLSHAPE_M_a08a91c9704b432591071a8385bca8e4_Date" hidden="1">
            <a:extLst>
              <a:ext uri="{FF2B5EF4-FFF2-40B4-BE49-F238E27FC236}">
                <a16:creationId xmlns:a16="http://schemas.microsoft.com/office/drawing/2014/main" id="{18895568-3B81-417B-8DE7-768C8358044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r 2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7938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2LCJTaGFwZVN0eWxlIjp7IiRpZCI6IjUiLCJNYXJnaW4iOnsiJGlkIjoiNiIsIlRvcCI6MCwiTGVmdCI6MTIsIlJpZ2h0IjoxMiwiQm90dG9tIjowfSwiUGFkZGluZyI6eyIkaWQiOiI3IiwiVG9wIjo1LCJMZWZ0IjowLCJSaWdodCI6MCwiQm90dG9tIjo1fSwiQmFja2dyb3VuZCI6eyIkaWQiOiI4IiwiQ29sb3IiOnsiJGlkIjoiOSIsIkEiOjI1NSwiUiI6NzAsIkciOjcwLCJCIjo3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FyaWFs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zUxLjAsIk1hcmdpbiI6eyIkaWQiOiI0OSIsIlRvcCI6MCwiTGVmdCI6MTAsIlJpZ2h0IjoxMCwiQm90dG9tIjowfSwiUGFkZGluZyI6eyIkaWQiOiI1MCIsIlRvcCI6MCwiTGVmdCI6MTIsIlJpZ2h0IjoxMi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FyaWFs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OSwiRm9udE5hbWUiOiJBcmlhbCIsIklzQm9sZCI6ZmFsc2UsIklzSXRhbGljIjpmYWxzZSwiSXNVbmRlcmxpbmVkIjpmYWxzZSwiUGFyZW50U3R5bGUiOm51bGx9LCJBdXRvU2l6ZSI6MCwiRm9yZWdyb3VuZCI6eyIkaWQiOiI4NyIsIkNvbG9yIjp7IiRpZCI6Ijg4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AsIkZvbnROYW1lIjoiQXJpYWw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OSwiRm9udE5hbWUiOiJBcmlhbCIsIklzQm9sZCI6ZmFsc2UsIklzSXRhbGljIjpmYWxzZSwiSXNVbmRlcmxpbmVkIjpmYWxzZSwiUGFyZW50U3R5bGUiOm51bGx9LCJBdXRvU2l6ZSI6MCwiRm9yZWdyb3VuZCI6eyIkaWQiOiIxMjIiLCJDb2xvciI6eyIkaWQiOiIxMjM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ODUiLCJUb3AiOjAsIkxlZnQiOjAsIlJpZ2h0IjowLCJCb3R0b20iOjB9LCJQYWRkaW5nIjp7IiRpZCI6IjE4NiIsIlRvcCI6MCwiTGVmdCI6MCwiUmlnaHQiOjAsIkJvdHRvbSI6MH0sIkJhY2tncm91bmQiOnsiJHJlZiI6IjczIn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zOTEiLCJUb3AiOjAsIkxlZnQiOjAsIlJpZ2h0IjowLCJCb3R0b20iOjB9LCJQYWRkaW5nIjp7IiRpZCI6IjM5MiIsIlRvcCI6MCwiTGVmdCI6MCwiUmlnaHQiOjAsIkJvdHRvbSI6MH0sIkJhY2tncm91bmQiOnsiJHJlZiI6IjEyNiJ9LCJJc1Zpc2libGUiOmZhbHNlLCJXaWR0aCI6MC4wLCJIZWlnaHQiOjAuMCwiQm9yZGVyU3R5bGUiOnsiJGlkIjoiMzkzIiwiTGluZUNvbG9yIjpudWxsLCJMaW5lV2VpZ2h0IjowLjAsIkxpbmVUeXBlIjowLCJQYXJlbnRTdHlsZSI6bnVsbH0sIlBhcmVudFN0eWxlIjpudWxsfSwiRGF0ZUZvcm1hdCI6eyIkaWQiOiIzO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MxIiwiVG9wIjowLCJMZWZ0IjowLCJSaWdodCI6MCwiQm90dG9tIjowfSwiUGFkZGluZyI6eyIkaWQiOiI0MzIiLCJUb3AiOjAsIkxlZnQiOjAsIlJpZ2h0IjowLCJCb3R0b20iOjB9LCJCYWNrZ3JvdW5kIjp7IiRyZWYiOiIxMjYifSwiSXNWaXNpYmxlIjpmYWxzZSwiV2lkdGgiOjAuMCwiSGVpZ2h0IjowLjAsIkJvcmRlclN0eWxlIjp7IiRpZCI6IjQzMyIsIkxpbmVDb2xvciI6bnVsbCwiTGluZVdlaWdodCI6MC4wLCJMaW5lVHlwZSI6MCwiUGFyZW50U3R5bGUiOm51bGx9LCJQYXJlbnRTdHlsZSI6bnVsbH0sIkRhdGVGb3JtYXQiOnsiJGlkIjoiNDM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DY0IiwiVG9wIjowLCJMZWZ0IjowLCJSaWdodCI6MCwiQm90dG9tIjowfSwiUGFkZGluZyI6eyIkaWQiOiI0NjUiLCJUb3AiOjAsIkxlZnQiOjAsIlJpZ2h0IjowLCJCb3R0b20iOjB9LCJCYWNrZ3JvdW5kIjp7IiRyZWYiOiIxMTki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OSwiRm9udE5hbWUiOiJBcmlhbCIsIklzQm9sZCI6ZmFsc2UsIklzSXRhbGljIjpmYWxzZSwiSXNVbmRlcmxpbmVkIjpmYWxzZSwiUGFyZW50U3R5bGUiOm51bGx9LCJBdXRvU2l6ZSI6MCwiRm9yZWdyb3VuZCI6eyIkaWQiOiI0NjkiLCJDb2xvciI6eyIkaWQiOiI0NzA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DcxIiwiVG9wIjowLCJMZWZ0IjowLCJSaWdodCI6MCwiQm90dG9tIjowfSwiUGFkZGluZyI6eyIkaWQiOiI0NzIiLCJUb3AiOjAsIkxlZnQiOjAsIlJpZ2h0IjowLCJCb3R0b20iOjB9LCJCYWNrZ3JvdW5kIjp7IiRyZWYiOiIxMjYifSwiSXNWaXNpYmxlIjpmYWxzZSwiV2lkdGgiOjAuMCwiSGVpZ2h0IjowLjAsIkJvcmRlclN0eWxlIjp7IiRpZCI6IjQ3MyIsIkxpbmVDb2xvciI6bnVsbCwiTGluZVdlaWdodCI6MC4wLCJMaW5lVHlwZSI6MCwiUGFyZW50U3R5bGUiOm51bGx9LCJQYXJlbnRTdHlsZSI6bnVsbH0sIkRhdGVGb3JtYXQiOnsiJGlkIjoiNDc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MTI2In0sIklzVmlzaWJsZSI6ZmFsc2UsIldpZHRoIjowLjAsIkhlaWdodCI6MC4wLCJCb3JkZXJTdHlsZSI6eyIkaWQiOiI1MTMiLCJMaW5lQ29sb3IiOm51bGwsIkxpbmVXZWlnaHQiOjAuMCwiTGluZVR5cGUiOjAsIlBhcmVudFN0eWxlIjpudWxsfSwiUGFyZW50U3R5bGUiOm51bGx9LCJEYXRlRm9ybWF0Ijp7IiRpZCI6IjUx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AzIiwiVG9wIjowLCJMZWZ0IjowLCJSaWdodCI6MCwiQm90dG9tIjowfSwiUGFkZGluZyI6eyIkaWQiOiI2MDQiLCJUb3AiOjAsIkxlZnQiOjAsIlJpZ2h0IjowLCJCb3R0b20iOjB9LCJCYWNrZ3JvdW5kIjp7IiRyZWYiOiI5MS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OCwiRm9udE5hbWUiOiJBcmlhbCIsIklzQm9sZCI6ZmFsc2UsIklzSXRhbGljIjpmYWxzZSwiSXNVbmRlcmxpbmVkIjpmYWxzZSwiUGFyZW50U3R5bGUiOm51bGx9LCJBdXRvU2l6ZSI6MCwiRm9yZWdyb3VuZCI6eyIkaWQiOiI2MDgiLCJDb2xvciI6eyIkaWQiOiI2MDk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2NzMiLCJUb3AiOjAsIkxlZnQiOjAsIlJpZ2h0IjowLCJCb3R0b20iOjB9LCJQYWRkaW5nIjp7IiRpZCI6IjY3NCIsIlRvcCI6MCwiTGVmdCI6MCwiUmlnaHQiOjAsIkJvdHRvbSI6MH0sIkJhY2tncm91bmQiOnsiJHJlZiI6IjEyNiJ9LCJJc1Zpc2libGUiOmZhbHNlLCJXaWR0aCI6MC4wLCJIZWlnaHQiOjAuMCwiQm9yZGVyU3R5bGUiOnsiJGlkIjoiNjc1IiwiTGluZUNvbG9yIjpudWxsLCJMaW5lV2VpZ2h0IjowLjAsIkxpbmVUeXBlIjowLCJQYXJlbnRTdHlsZSI6bnVsbH0sIlBhcmVudFN0eWxlIjpudWxsfSwiRGF0ZUZvcm1hdCI6eyIkaWQiOiI2N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zEzIiwiVG9wIjowLCJMZWZ0IjowLCJSaWdodCI6MCwiQm90dG9tIjowfSwiUGFkZGluZyI6eyIkaWQiOiI3MTQiLCJUb3AiOjAsIkxlZnQiOjAsIlJpZ2h0IjowLCJCb3R0b20iOjB9LCJCYWNrZ3JvdW5kIjp7IiRyZWYiOiIxMjYifSwiSXNWaXNpYmxlIjpmYWxzZSwiV2lkdGgiOjAuMCwiSGVpZ2h0IjowLjAsIkJvcmRlclN0eWxlIjp7IiRpZCI6IjcxNSIsIkxpbmVDb2xvciI6bnVsbCwiTGluZVdlaWdodCI6MC4wLCJMaW5lVHlwZSI6MCwiUGFyZW50U3R5bGUiOm51bGx9LCJQYXJlbnRTdHlsZSI6bnVsbH0sIkRhdGVGb3JtYXQiOnsiJGlkIjoiNzE2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3MjQiLCJVc2VUaW1lIjpmYWxzZSwiV29ya0RheVN0YXJ0IjoiMDA6MDA6MDAiLCJXb3JrRGF5RW5kIjoiMjM6NTk6MDAifSwiTGFzdFVzZWRUZW1wbGF0ZUlkIjoiMzZlNjY2MTQtM2QwNi00YTgyLTllOTctYmNhN2M4NWJjMDBk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"/>
  <p:tag name="OTLDATE" val="2021-03-17T23:59:00.0000000"/>
  <p:tag name="OTLPOSITIONONTASK" val="None"/>
  <p:tag name="OTLRELATEDTASKID" val="00000000-0000-0000-0000-00000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Approval"/>
  <p:tag name="OTLDATE" val="2021-01-21T23:59:00.0000000"/>
  <p:tag name="OTLPOSITIONONTASK" val="None"/>
  <p:tag name="OTLRELATEDTASKID" val="00000000-0000-0000-0000-000000000000"/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age Rolled Out"/>
  <p:tag name="OTLDATE" val="2021-02-17T23:59:00.0000000"/>
  <p:tag name="OTLPOSITIONONTASK" val="None"/>
  <p:tag name="OTLRELATEDTASKID" val="00000000-0000-0000-0000-000000000000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age Approved"/>
  <p:tag name="OTLDATE" val="2021-03-04T23:59:00.0000000"/>
  <p:tag name="OTLPOSITIONONTASK" val="None"/>
  <p:tag name="OTLRELATEDTASKID" val="00000000-0000-0000-0000-000000000000"/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Hand-Off"/>
  <p:tag name="OTLDATE" val="2021-03-20T23:59:00.0000000"/>
  <p:tag name="OTLPOSITIONONTASK" val="None"/>
  <p:tag name="OTLRELATEDTASKID" val="00000000-0000-0000-0000-000000000000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Days"/>
  <p:tag name="OTLTIMEBANDSCALEFORMAT" val="d"/>
  <p:tag name="OTLTIMEBANDQUICKPOSITION" val="Custom"/>
  <p:tag name="OTLTIMEBANDSHAPETYPE" val="ModernTimeband"/>
  <p:tag name="OTLTIMEBANDTHREEDEFFECTS" val="None"/>
  <p:tag name="OTLTIMEBANDAUTODATERANGE" val="True"/>
  <p:tag name="OTLTIMEBANDSTARTDATE" val="0001-01-01T00:00:00.0000000"/>
  <p:tag name="OTLTIMEBANDENDDATE" val="2021-03-2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7T00:00:00.0000000Z"/>
  <p:tag name="OTLENDDATE" val="2021-01-31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3T00:00:00.0000000Z"/>
  <p:tag name="OTLENDDATE" val="2021-02-10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7T00:00:00.0000000Z"/>
  <p:tag name="OTLENDDATE" val="2021-02-14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7T00:00:00.0000000Z"/>
  <p:tag name="OTLENDDATE" val="2021-02-21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1T00:00:00.0000000Z"/>
  <p:tag name="OTLENDDATE" val="2021-02-2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1T00:00:00.0000000Z"/>
  <p:tag name="OTLENDDATE" val="2021-02-2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6T00:00:00.0000000Z"/>
  <p:tag name="OTLENDDATE" val="2021-03-06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8T00:00:00.0000000Z"/>
  <p:tag name="OTLENDDATE" val="2021-03-0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4T00:00:00.0000000Z"/>
  <p:tag name="OTLENDDATE" val="2021-03-07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0T00:00:00.0000000Z"/>
  <p:tag name="OTLENDDATE" val="2021-03-12T23:59:00.0000000Z"/>
  <p:tag name="OTLPERCENTAGE" val="0"/>
  <p:tag name="OTLDURATIONFORMAT" val="day"/>
  <p:tag name="OTLSPACING" val="5"/>
  <p:tag name="OTLSHAPETHICKNESSTYPE" val="Custom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</TotalTime>
  <Words>159</Words>
  <Application>Microsoft Office PowerPoint</Application>
  <PresentationFormat>On-screen Show (4:3)</PresentationFormat>
  <Paragraphs>6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terms:created xsi:type="dcterms:W3CDTF">2020-12-03T11:56:45Z</dcterms:created>
  <dcterms:modified xsi:type="dcterms:W3CDTF">2020-12-03T12:03:18Z</dcterms:modified>
</cp:coreProperties>
</file>